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7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9-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9-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erenve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FF1180F-4ECC-5CB8-176E-5A1167ED721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8767" y="4992399"/>
            <a:ext cx="1670197" cy="148647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A6022E2B-D101-61F8-1773-D2790F5DB56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1843" y="3990975"/>
            <a:ext cx="1542908" cy="137318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09-19T08:13:48Z</dcterms:modified>
</cp:coreProperties>
</file>